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81" d="100"/>
          <a:sy n="81" d="100"/>
        </p:scale>
        <p:origin x="96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56B83B-0753-4E1C-A61B-81CEFED7EBC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32D08D-29BF-4224-B0DB-E3D4E5A2390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D61253-6C8D-4E82-A19F-884511BE81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68C340-AF9D-49EF-BE7A-E0E4356BAF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B3540F-3675-4285-B2FB-3FCDFE217C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247469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18B07-BFCE-417C-ABBC-76C8E489B8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2AA2E63-3872-439B-9582-E969438748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BD0451-EA9A-4659-9571-BAC1DA8FB3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0C95CF-3C08-4930-8477-A526F35C7E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BEEC3D-5E0D-4A1A-9E63-DCD164C095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0462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05CD86C-F34D-4E3F-BCFF-3A10D2229E7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49F91A4-056C-439C-B803-5FB7166FEA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C9E9E-717D-4F7A-9C0E-AD0683F494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ADDED2-4B44-48F9-81AF-0F76336AB7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73A1C0-1411-4F30-9CB2-A5502DB43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36755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467701-AB97-49F9-A0D7-28B4EDEDBC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F3E023-C526-4BD7-8B4A-2F344AA0A6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796ACA-438D-4CDE-A6EB-3CCDD5B94B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4307AD-D4DD-488D-9D2D-B781309894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A56E76-BAF0-4DF8-9CD8-7EAEDF8F2B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8379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33E7C-6CD4-4433-AD21-8ADE63A7FF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1C47AE-D6A4-42B3-BD5A-1B59F885C4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32B95E-7474-4868-8E36-A63EAD4EB3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47691E-6B8E-4E64-8C1D-AE4A019B1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2E71AC-750B-4BF1-88F3-4EE5F6740D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5354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2B8A41-D8D9-4F24-8EE1-D723ED1DE7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62250D-0892-4AB5-850F-17CC3D698B2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7BC0292-97D7-417D-8364-B8019013D1E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70681F-61BE-4766-A124-03A0EFA4D6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B6316-1123-46BB-8708-912483D29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44B63D-FC8E-4141-B509-7ED2F853AF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74677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703070-FC2C-4CCE-B9FF-62D29C7D7A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1018A2-688B-41E7-A370-D90B9C4FF56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0DB3ACF-B13E-4C0B-9812-F46BE5D4F1F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0B73D74-BE8E-4468-A60D-985EA4A70CF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72DD8C2-0937-41AD-95F3-BCBC3E4694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BC0F507-BD06-446D-8289-EB2E9129DC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9B6736E-BA40-4F67-8819-6487DCC023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0C6799D-A038-4F44-BC08-648A4119E7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80574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36126D-FD92-4A29-9F0D-BCC90BF22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E74AED3-C8B8-4D09-BFCC-D37EFA2F1E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2BB6B6-4EBC-4137-81B5-2E185611D7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53AB6DD-1FF1-47A3-9F09-9692857E35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76937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B859F0-6A64-483D-B9F2-7241339276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2B49D8-9C25-4327-8441-06B57DCE0B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26564DC-2E70-4ECC-BAA9-2547FC7B6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57038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089FA-CA3D-4405-AA6B-0D50BFEE17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CE74B4-51E0-4BB3-ADCB-A1F6D7F972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F5AF9AF-C06B-4DCB-94A7-F915FA1A1D8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378F7C-8232-4BB2-8C97-C9C612CC0F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6F9FAE0-1F37-45F7-85BA-886DA44970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F789F1-ADE9-4D2E-A999-047D42FAB3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32490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77AF1A-6FBF-4C07-AC33-98276C6BA2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4B794EE-6A07-40CF-8A9C-38D4210DFF1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0B562F9-F0FA-4755-8EBA-AE9D41570C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53978F-5AF8-46A9-B6F9-1DD7C3814E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249305-460C-4280-8F93-110C4E9E1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35AD39-B9D7-49A6-8967-481D33EDE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68880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036D1F-9C0D-45F2-94D8-A38C99A23F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5EA0D0-A30E-436D-A385-CF406C5FBC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69C6E2-4C26-4459-9602-0F006F18706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DD138E-9F4C-4A54-AE4B-16BDDCF3B165}" type="datetimeFigureOut">
              <a:rPr lang="en-GB" smtClean="0"/>
              <a:t>14/09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9CF4F9-4547-44DC-B8B4-57B53CFCE1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90FF0B-D52F-4132-A9E9-90A71F2B8E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0131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3D4D843B-975E-420C-A20E-AF0720621FF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586348" y="3809316"/>
            <a:ext cx="0" cy="369112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D4E15E12-27D9-43A2-B70C-5C7C1D0274C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58" y="2230755"/>
            <a:ext cx="8704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6A0DE93E-8154-4E86-A5B8-6017898DDAD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58020" y="2446655"/>
            <a:ext cx="19060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>
            <a:cxnSpLocks/>
            <a:endCxn id="79" idx="2"/>
          </p:cNvCxnSpPr>
          <p:nvPr>
            <p:custDataLst>
              <p:tags r:id="rId5"/>
            </p:custDataLst>
          </p:nvPr>
        </p:nvCxnSpPr>
        <p:spPr>
          <a:xfrm flipV="1">
            <a:off x="632806" y="2643441"/>
            <a:ext cx="3613289" cy="191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843F4C2-B228-44D7-B0FA-A366451921E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2296" y="2878455"/>
            <a:ext cx="48163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974B0CB0-A805-48D7-932F-27A2D7798CF4}"/>
              </a:ext>
            </a:extLst>
          </p:cNvPr>
          <p:cNvCxnSpPr>
            <a:cxnSpLocks/>
            <a:stCxn id="102" idx="3"/>
            <a:endCxn id="95" idx="2"/>
          </p:cNvCxnSpPr>
          <p:nvPr>
            <p:custDataLst>
              <p:tags r:id="rId7"/>
            </p:custDataLst>
          </p:nvPr>
        </p:nvCxnSpPr>
        <p:spPr>
          <a:xfrm>
            <a:off x="1386271" y="3213100"/>
            <a:ext cx="4936480" cy="2404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FA400742-BA5D-4198-986C-1F78296998DA}"/>
              </a:ext>
            </a:extLst>
          </p:cNvPr>
          <p:cNvCxnSpPr>
            <a:cxnSpLocks/>
            <a:endCxn id="135" idx="2"/>
          </p:cNvCxnSpPr>
          <p:nvPr>
            <p:custDataLst>
              <p:tags r:id="rId8"/>
            </p:custDataLst>
          </p:nvPr>
        </p:nvCxnSpPr>
        <p:spPr>
          <a:xfrm>
            <a:off x="1042035" y="3551683"/>
            <a:ext cx="88449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43D71D1-D1A5-4079-988F-5986CC7A4C5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22020" y="4178428"/>
            <a:ext cx="10350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ECD29B-5956-44E9-9F3A-48C2FA75ACE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85520" y="4281298"/>
            <a:ext cx="40075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Arial" panose="020B0604020202020204" pitchFamily="34" charset="0"/>
              </a:rPr>
              <a:t> 24.8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18ACD24-2E2D-446E-B912-318C13B7736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847850" y="4281298"/>
            <a:ext cx="8162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31.8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668F25D-4AB7-424D-9D54-CE45C395DCD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710180" y="4281298"/>
            <a:ext cx="15234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7.9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0CF46C3-91B6-4151-B56E-204ECDFB161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7251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14.9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2965085-8B3C-42DB-899F-B405FA0B912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43484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21.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BF19847-F953-4F44-9FEC-2C141511C84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29717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28.9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468C9A0-1472-4248-8481-7D46883347A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15950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5.10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FDCE134-502E-4DAB-8398-060CE3D9BCD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02183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12.10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7124E5BE-8009-4527-80D0-FF574F024C5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884161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19.10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9A91103D-116B-4B0D-B6CF-7579CDC89C5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746492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26.10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AF650EC0-5A9F-44DD-A72A-79D3ECC4DA1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608822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2.1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430B191B-6DFC-4B39-B3C6-F120A253F76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471152" y="4281298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9.1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D203BE5-9784-4B40-A448-D8AFDE7EBE3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784348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CA4863D-168D-4454-8DE2-18171F97FD2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646678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3A4F2F6-4179-4038-94F4-146D84D5239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50900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808E510-7469-47E3-BA54-FE1DA5777D1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37133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270B94F-6095-4350-BD24-7301DD4EFF8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23366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273CCBB-26DC-474D-A85F-F88725890DC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09599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46E2A7F-66D8-4B66-8852-3BE68969071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958330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BCC540A-2A31-4E72-8CEB-5C286C09E48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82065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C2FE92A3-028C-457C-A88C-2A11ABBD785C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682989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2AD3290-0514-4811-B0F2-C48D062FEA4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545320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19CECBF4-B100-4FA2-AB0D-79D5B05FC47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407650" y="424192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FE27AA12-047A-4D10-964B-4A96F218FF1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956816" y="21545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6A2942AF-4626-4A5B-B896-898A997ACAF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64078" y="2370455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246095" y="2567241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7C91D117-9059-4654-A690-F54431AC452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578603" y="28022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4A6DF6B2-1AB0-4739-B3EB-4073718C17E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22751" y="3162377"/>
            <a:ext cx="3626205" cy="14954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4F2E1F5F-711A-4890-93FB-DD0E8085DC7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886950" y="3475483"/>
            <a:ext cx="5207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0C5DC215-A49A-449C-8DD1-3F0806B0D6F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2161506"/>
            <a:ext cx="965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Idee / </a:t>
            </a:r>
            <a:r>
              <a:rPr lang="en-GB" sz="900" spc="-6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Einrichten</a:t>
            </a:r>
            <a:endParaRPr lang="en-GB" sz="900" spc="-6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8DD23EF3-758B-48E0-BE9F-D6134DB4DF3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0" y="2377406"/>
            <a:ext cx="1143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Programme </a:t>
            </a:r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einrichten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0" y="2593306"/>
            <a:ext cx="1600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 err="1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Designen</a:t>
            </a:r>
            <a:endParaRPr lang="en-GB" sz="900" spc="-2" dirty="0">
              <a:solidFill>
                <a:schemeClr val="accent5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1F9FC059-C59B-4F7F-8A58-D6C9BAAD304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0" y="2739956"/>
            <a:ext cx="6477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 err="1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Assests</a:t>
            </a:r>
            <a:r>
              <a:rPr lang="en-GB" sz="900" spc="-4" dirty="0">
                <a:solidFill>
                  <a:srgbClr val="5E5E5E"/>
                </a:solidFill>
                <a:latin typeface="Arial" panose="020B0604020202020204" pitchFamily="34" charset="0"/>
              </a:rPr>
              <a:t> </a:t>
            </a:r>
            <a:r>
              <a:rPr lang="en-GB" sz="900" spc="-4" dirty="0" err="1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bereitstellen</a:t>
            </a:r>
            <a:endParaRPr lang="en-GB" sz="900" spc="-4" dirty="0">
              <a:solidFill>
                <a:schemeClr val="accent5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D9198C37-1B12-416C-BB54-BF858BE71ED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0" y="3143850"/>
            <a:ext cx="125927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 dirty="0" err="1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Websiteprogrammieren</a:t>
            </a:r>
            <a:endParaRPr lang="en-GB" sz="900" spc="-12" dirty="0">
              <a:solidFill>
                <a:schemeClr val="accent5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4A18DAAF-A709-4601-A4F9-5CADAB87C4E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0" y="3422611"/>
            <a:ext cx="9271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 err="1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</a:rPr>
              <a:t>Testen</a:t>
            </a:r>
            <a:r>
              <a:rPr lang="en-GB" sz="900" spc="-6" dirty="0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</a:rPr>
              <a:t> und Bugs </a:t>
            </a:r>
            <a:r>
              <a:rPr lang="en-GB" sz="900" spc="-6" dirty="0" err="1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</a:rPr>
              <a:t>ausbessern</a:t>
            </a:r>
            <a:endParaRPr lang="en-GB" sz="900" spc="-6" dirty="0">
              <a:solidFill>
                <a:schemeClr val="accent2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6ACA1190-EBB6-4C92-BBE9-2EBC9C604AF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10611748" y="3809316"/>
            <a:ext cx="228600" cy="22860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35998990-BC5F-49C8-BF9F-C1883001DFA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41966" y="4495928"/>
            <a:ext cx="304800" cy="338667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29F2CD2D-CDC7-42C8-AB4C-3C073954160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944996" y="4495928"/>
            <a:ext cx="304800" cy="338667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E22FC2B0-FEE1-4B86-A82F-B17C3DB22E5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869276" y="3827556"/>
            <a:ext cx="609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u="sng" spc="-6" dirty="0" err="1">
                <a:solidFill>
                  <a:srgbClr val="535C13"/>
                </a:solidFill>
                <a:latin typeface="Arial" panose="020B0604020202020204" pitchFamily="34" charset="0"/>
              </a:rPr>
              <a:t>Ziel</a:t>
            </a:r>
            <a:endParaRPr lang="en-GB" sz="900" b="1" u="sng" spc="-6" dirty="0">
              <a:solidFill>
                <a:srgbClr val="535C13"/>
              </a:solidFill>
              <a:latin typeface="Arial" panose="020B0604020202020204" pitchFamily="34" charset="0"/>
            </a:endParaRP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862ADC96-B9F5-4532-8411-28EF825F84F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2806" y="4856468"/>
            <a:ext cx="914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 dirty="0">
                <a:solidFill>
                  <a:srgbClr val="737373"/>
                </a:solidFill>
                <a:latin typeface="Arial" panose="020B0604020202020204" pitchFamily="34" charset="0"/>
              </a:rPr>
              <a:t>Idee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DD79CAFA-6693-47CB-AE1A-FD238B44C9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634402" y="4856467"/>
            <a:ext cx="914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 err="1">
                <a:solidFill>
                  <a:srgbClr val="737373"/>
                </a:solidFill>
                <a:latin typeface="Arial" panose="020B0604020202020204" pitchFamily="34" charset="0"/>
              </a:rPr>
              <a:t>Abgabe</a:t>
            </a:r>
            <a:endParaRPr lang="en-GB" sz="900" b="1" spc="-4" dirty="0">
              <a:solidFill>
                <a:srgbClr val="737373"/>
              </a:solidFill>
              <a:latin typeface="Arial" panose="020B0604020202020204" pitchFamily="34" charset="0"/>
            </a:endParaRP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2914199-0FE6-4233-9514-BA1BDA01CD66}"/>
              </a:ext>
            </a:extLst>
          </p:cNvPr>
          <p:cNvSpPr txBox="1"/>
          <p:nvPr/>
        </p:nvSpPr>
        <p:spPr>
          <a:xfrm>
            <a:off x="534816" y="666802"/>
            <a:ext cx="594948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agramm</a:t>
            </a:r>
            <a:endParaRPr lang="en-US" sz="2400" dirty="0">
              <a:solidFill>
                <a:schemeClr val="tx1">
                  <a:lumMod val="65000"/>
                  <a:lumOff val="3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7" name="OTLSHAPE_T_c78b918119c244d1b21b8de13e01ef0e_HorizontalConnector1">
            <a:extLst>
              <a:ext uri="{FF2B5EF4-FFF2-40B4-BE49-F238E27FC236}">
                <a16:creationId xmlns:a16="http://schemas.microsoft.com/office/drawing/2014/main" id="{E88A5C31-F23A-4D69-98AB-0DB3B309B5B6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 flipV="1">
            <a:off x="8047411" y="2652998"/>
            <a:ext cx="0" cy="5093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T_6d55cf0b60df413283e0a34453b0519a_Title">
            <a:extLst>
              <a:ext uri="{FF2B5EF4-FFF2-40B4-BE49-F238E27FC236}">
                <a16:creationId xmlns:a16="http://schemas.microsoft.com/office/drawing/2014/main" id="{62313481-47EF-4D7F-BB7C-05D78AB6C5A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820659" y="2497991"/>
            <a:ext cx="1143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Hauptteil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72" name="Rechteck 71">
            <a:extLst>
              <a:ext uri="{FF2B5EF4-FFF2-40B4-BE49-F238E27FC236}">
                <a16:creationId xmlns:a16="http://schemas.microsoft.com/office/drawing/2014/main" id="{0FAA111E-6F2F-4045-88BA-493A255EA2ED}"/>
              </a:ext>
            </a:extLst>
          </p:cNvPr>
          <p:cNvSpPr/>
          <p:nvPr/>
        </p:nvSpPr>
        <p:spPr>
          <a:xfrm>
            <a:off x="1707919" y="5505254"/>
            <a:ext cx="221556" cy="207389"/>
          </a:xfrm>
          <a:prstGeom prst="rect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04" name="Rechteck 103">
            <a:extLst>
              <a:ext uri="{FF2B5EF4-FFF2-40B4-BE49-F238E27FC236}">
                <a16:creationId xmlns:a16="http://schemas.microsoft.com/office/drawing/2014/main" id="{C57A0CBF-2A3C-496C-9106-BE827FD2D6F7}"/>
              </a:ext>
            </a:extLst>
          </p:cNvPr>
          <p:cNvSpPr/>
          <p:nvPr/>
        </p:nvSpPr>
        <p:spPr>
          <a:xfrm>
            <a:off x="3164078" y="5505252"/>
            <a:ext cx="221556" cy="207389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05" name="Rechteck 104">
            <a:extLst>
              <a:ext uri="{FF2B5EF4-FFF2-40B4-BE49-F238E27FC236}">
                <a16:creationId xmlns:a16="http://schemas.microsoft.com/office/drawing/2014/main" id="{3E9FA5C6-82A7-45A7-BDBB-2A92451269E8}"/>
              </a:ext>
            </a:extLst>
          </p:cNvPr>
          <p:cNvSpPr/>
          <p:nvPr/>
        </p:nvSpPr>
        <p:spPr>
          <a:xfrm>
            <a:off x="4487580" y="5505252"/>
            <a:ext cx="221556" cy="207389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07" name="OTLSHAPE_T_5401bb23af9a476e9f040df9282bc734_Title">
            <a:extLst>
              <a:ext uri="{FF2B5EF4-FFF2-40B4-BE49-F238E27FC236}">
                <a16:creationId xmlns:a16="http://schemas.microsoft.com/office/drawing/2014/main" id="{67A6D00B-EAF4-4504-B060-E55A2E92D04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71620" y="5522294"/>
            <a:ext cx="175846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 dirty="0" err="1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</a:rPr>
              <a:t>Verbesserungen</a:t>
            </a:r>
            <a:endParaRPr lang="en-GB" sz="900" spc="-6" dirty="0">
              <a:solidFill>
                <a:schemeClr val="accent2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09" name="OTLSHAPE_T_b87e0b15d7e149e6a3db69eddfff53a6_Title">
            <a:extLst>
              <a:ext uri="{FF2B5EF4-FFF2-40B4-BE49-F238E27FC236}">
                <a16:creationId xmlns:a16="http://schemas.microsoft.com/office/drawing/2014/main" id="{5997EA74-40CA-41E0-AB3D-F24C882AF3A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491258" y="5539696"/>
            <a:ext cx="125927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 dirty="0" err="1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Hauptteil</a:t>
            </a:r>
            <a:endParaRPr lang="en-GB" sz="900" spc="-12" dirty="0">
              <a:solidFill>
                <a:schemeClr val="accent5">
                  <a:lumMod val="75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112" name="OTLSHAPE_T_6d55cf0b60df413283e0a34453b0519a_Title">
            <a:extLst>
              <a:ext uri="{FF2B5EF4-FFF2-40B4-BE49-F238E27FC236}">
                <a16:creationId xmlns:a16="http://schemas.microsoft.com/office/drawing/2014/main" id="{907560C2-D32F-4309-A14F-DA0A2897EFE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027449" y="5539697"/>
            <a:ext cx="1143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Vorbereitung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cxnSp>
        <p:nvCxnSpPr>
          <p:cNvPr id="61" name="OTLSHAPE_T_c78b918119c244d1b21b8de13e01ef0e_HorizontalConnector1">
            <a:extLst>
              <a:ext uri="{FF2B5EF4-FFF2-40B4-BE49-F238E27FC236}">
                <a16:creationId xmlns:a16="http://schemas.microsoft.com/office/drawing/2014/main" id="{E2AEE5F3-1C3D-4500-B168-C52A46FE2051}"/>
              </a:ext>
            </a:extLst>
          </p:cNvPr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6442203" y="1791093"/>
            <a:ext cx="0" cy="2387335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c78b918119c244d1b21b8de13e01ef0e_HorizontalConnector1">
            <a:extLst>
              <a:ext uri="{FF2B5EF4-FFF2-40B4-BE49-F238E27FC236}">
                <a16:creationId xmlns:a16="http://schemas.microsoft.com/office/drawing/2014/main" id="{69D1ABF3-EFFB-4AAC-BCE3-56FEAE1EB98F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>
            <a:off x="9873363" y="1791093"/>
            <a:ext cx="0" cy="2387335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c78b918119c244d1b21b8de13e01ef0e_HorizontalConnector1">
            <a:extLst>
              <a:ext uri="{FF2B5EF4-FFF2-40B4-BE49-F238E27FC236}">
                <a16:creationId xmlns:a16="http://schemas.microsoft.com/office/drawing/2014/main" id="{93C4837A-6C5B-445E-832B-CE9F3CEE2869}"/>
              </a:ext>
            </a:extLst>
          </p:cNvPr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4487580" y="1791093"/>
            <a:ext cx="0" cy="2387335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_6d55cf0b60df413283e0a34453b0519a_Title">
            <a:extLst>
              <a:ext uri="{FF2B5EF4-FFF2-40B4-BE49-F238E27FC236}">
                <a16:creationId xmlns:a16="http://schemas.microsoft.com/office/drawing/2014/main" id="{F05E5AF0-9FC7-4330-8B7C-13288549449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795244" y="1496873"/>
            <a:ext cx="126850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Programme </a:t>
            </a:r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eingerichtet</a:t>
            </a:r>
            <a:r>
              <a:rPr lang="en-GB" sz="900" spc="-4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 und </a:t>
            </a:r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Startberreit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6d55cf0b60df413283e0a34453b0519a_Title">
            <a:extLst>
              <a:ext uri="{FF2B5EF4-FFF2-40B4-BE49-F238E27FC236}">
                <a16:creationId xmlns:a16="http://schemas.microsoft.com/office/drawing/2014/main" id="{00774D98-E9CD-4212-BD34-7E13EDCBDA9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2802" y="1566122"/>
            <a:ext cx="1143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Alle Assets </a:t>
            </a:r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fertig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6d55cf0b60df413283e0a34453b0519a_Title">
            <a:extLst>
              <a:ext uri="{FF2B5EF4-FFF2-40B4-BE49-F238E27FC236}">
                <a16:creationId xmlns:a16="http://schemas.microsoft.com/office/drawing/2014/main" id="{DFF3431E-F7D6-45C4-8793-220CAE10A16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377456" y="1635371"/>
            <a:ext cx="1143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Webseite</a:t>
            </a:r>
            <a:r>
              <a:rPr lang="en-GB" sz="900" spc="-4" dirty="0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 </a:t>
            </a:r>
            <a:r>
              <a:rPr lang="en-GB" sz="900" spc="-4" dirty="0" err="1">
                <a:solidFill>
                  <a:schemeClr val="accent2">
                    <a:lumMod val="50000"/>
                  </a:schemeClr>
                </a:solidFill>
                <a:latin typeface="Arial" panose="020B0604020202020204" pitchFamily="34" charset="0"/>
              </a:rPr>
              <a:t>fertig</a:t>
            </a:r>
            <a:endParaRPr lang="en-GB" sz="900" spc="-4" dirty="0">
              <a:solidFill>
                <a:schemeClr val="accent2">
                  <a:lumMod val="50000"/>
                </a:schemeClr>
              </a:solidFill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70557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oiNS4wMC4wMS4wMCIsIkVkaXRpb24iOiJQcm8iLCJMYXN0U2F2ZWRFZGl0aW9uIjozLCJJc1BsdXNFZGl0aW9uIjp0cnVlLCJJc1Byb0VkaXRpb24iOnRydWV9LCJFZmZlY3QiOjAsIlN0eWxlIjp7IiRpZCI6IjMiLCJUaW1lYmFuZFN0eWxlIjp7IiRpZCI6IjQiLCJTY2FsZU1hcmtpbmciOjAsIlNoYXBlIjo2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cwLCJHIjo3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iwiRm9udE5hbWUiOiJBcmlhbC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XJpYWw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BcmlhbC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IsIlNob3dTZWdtZW50U2VwYXJhdG9ycyI6dHJ1ZSwiU2VnbWVudFNlcGFyYXRvck9wYWNpdHkiOjMwLCJIYXNCZWVuVmlzaWJsZUJlZm9yZSI6dHJ1ZSwiRm9udFNldHRpbmdzIjp7IiRpZCI6IjQzIiwiRm9udFNpemUiOjEyLCJGb250TmFtZSI6IkFyaWFs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yLCJIZWlnaHQiOjMwLjB9LCJNaWRkbGVUaWVyU2NhbGVTdHlsZSI6eyIkaWQiOiI1MCIsIlNoYXBlIjoyLCJTaG93U2VnbWVudFNlcGFyYXRvcnMiOnRydWUsIlNlZ21lbnRTZXBhcmF0b3JPcGFjaXR5IjozMCwiSGFzQmVlblZpc2libGVCZWZvcmUiOmZhbHNlLCJGb250U2V0dGluZ3MiOnsiJGlkIjoiNTEiLCJGb250U2l6ZSI6MTIsIkZvbnROYW1lIjoiQXJpY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iwiU2hvd1NlZ21lbnRTZXBhcmF0b3JzIjp0cnVlLCJTZWdtZW50U2VwYXJhdG9yT3BhY2l0eSI6MzAsIkhhc0JlZW5WaXNpYmxlQmVmb3JlIjpmYWxzZSwiRm9udFNldHRpbmdzIjp7IiRpZCI6IjUzIiwiRm9udFNpemUiOjEyLCJGb250TmFtZSI6IkFyaWF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MsIkFic29sdXRlUG9zaXRpb24iOjM3OC4wLCJNYXJnaW4iOnsiJGlkIjoiNTYiLCJUb3AiOjAuMCwiTGVmdCI6MTAuMCwiUmlnaHQiOjEwLjAsIkJvdHRvbSI6MC4wfSwiUGFkZGluZyI6eyIkaWQiOiI1NyIsIlRvcCI6MC4wLCJMZWZ0IjoxMi4wLCJSaWdodCI6MTIuMCwiQm90dG9tIjowLjB9LCJCYWNrZ3JvdW5kIjp7IiRpZCI6IjU4IiwiQ29sb3IiOnsiJGlkIjoiNTkiLCJBIjoyNTUsIlIiOjMxLCJHIjo3MywiQiI6MTI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zMSwiRyI6NzMsIkIiOjEyNn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CwiRm9udE5hbWUiOiJBcmlhbC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EsIkR1cmF0aW9uRm9ybWF0IjowLCJJbmNsdWRlTm9uV29ya2luZ0RheXNJbkR1cmF0aW9uIjpmYWxzZSwiUGVyY2VudGFnZUNvbXBsZXRl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5LCJGb250TmFtZSI6IkFyaWFsIiwiSXNCb2xkIjpmYWxzZSwiSXNJdGFsaWMiOmZhbHNlLCJJc1VuZGVybGluZWQiOmZhbHNlLCJQYXJlbnRTdHlsZSI6bnVsbH0sIkF1dG9TaXplIjowLCJGb3JlZ3JvdW5kIjp7IiRpZCI6IjEwMSIsIkNvbG9yIjp7IiRpZCI6IjEw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wLCJGb250TmFtZSI6IkFyaWFsIiwiSXNCb2xkIjp0cnVlLCJJc0l0YWxpYyI6ZmFsc2UsIklzVW5kZXJsaW5lZCI6ZmFsc2UsIlBhcmVudFN0eWxlIjpudWxsfSwiQXV0b1NpemUiOjAsIkZvcmVncm91bmQiOnsiJGlkIjoiMTIyIiwiQ29sb3IiOnsiJGlkIjoiMT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5LCJGb250TmFtZSI6IkFyaWFsIiwiSXNCb2xkIjpmYWxzZSwiSXNJdGFsaWMiOmZhbHNlLCJJc1VuZGVybGluZWQiOmZhbHNlLCJQYXJlbnRTdHlsZSI6bnVsbH0sIkF1dG9TaXplIjowLCJGb3JlZ3JvdW5kIjp7IiRpZCI6IjEyOSIsIkNvbG9yIjp7IiRpZCI6IjEz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EiLCJBY3Rpdml0eUhlYWRlcldpZHRoIjowLjAsIklzU2V0IjpmYWxzZX0sIkRlZmF1bHRTd2ltbGFuZVN0eWxlIjp7IiRpZCI6IjE1MiIsIkhlYWRlclN0eWxlIjp7IiRpZCI6IjE1MyIsIlRleHRTdHlsZSI6eyIkaWQiOiIxNTQiLCJGb250U2V0dGluZ3MiOnsiJGlkIjoiMTU1IiwiRm9udFNpemUiOjEyLCJGb250TmFtZSI6IkNhbGlicmkiLCJJc0JvbGQiOmZhbHNlLCJJc0l0YWxpYyI6ZmFsc2UsIklzVW5kZXJsaW5lZCI6ZmFsc2UsIlBhcmVudFN0eWxlIjpudWxsfSwiQXV0b1NpemUiOjAsIkZvcmVncm91bmQiOnsiJGlkIjoiMTU2IiwiQ29sb3IiOnsiJGlkIjoiMTU3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lJlY3Rhbmds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EyNywiUiI6OTEsIkciOjE1NSwiQiI6MjEzfX0sIklzVmlzaWJsZSI6dHJ1ZSwiV2lkdGgiOjAuMCwiSGVpZ2h0Ijo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k1hcmdpbiI6eyIkaWQiOiIxNjgiLCJUb3AiOjAuMCwiTGVmdCI6MC4wLCJSaWdodCI6MC4wLCJCb3R0b20iOjAuMH0sIlBhZGRpbmciOnsiJGlkIjoiMTY5IiwiVG9wIjowLjAsIkxlZnQiOjAuMCwiUmlnaHQiOjAuMCwiQm90dG9tIjowLjB9LCJCYWNrZ3JvdW5kIjpudWxsLCJJc1Zpc2libGUiOnRydWUsIldpZHRoIjowLjAsIkhlaWdodCI6MC4wLCJCb3JkZXJTdHlsZSI6bnVsbCwiUGFyZW50U3R5bGUiOm51bGx9LCJCYWNrZ3JvdW5k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zgsIlIiOjkxLCJHIjoxNTUsIkIiOjIxM319LCJJc1Zpc2libGUiOnRydWUsIldpZHRoIjowLjAsIkhlaWdodCI6MC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cmVmIjoiODAi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OSwiRm9udE5hbWUiOiJBcmlhbCIsIklzQm9sZCI6ZmFsc2UsIklzSXRhbGljIjpmYWxzZSwiSXNVbmRlcmxpbmVkIjpmYWxzZSwiUGFyZW50U3R5bGUiOm51bGx9LCJBdXRvU2l6ZSI6MCwiRm9yZWdyb3VuZCI6eyIkaWQiOiIyMDkiLCJDb2xvciI6eyIkcmVmIjoiODQifX0sIk1heFdpZHRoIjoyMDAuMCwiTWF4SGVpZ2h0IjoiSW5maW5pdHkiLCJTbWFydEZvcmVncm91bmRJc0FjdGl2ZSI6ZmFsc2UsIkhvcml6b250YWxBbGlnbm1lbnQiOjE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HJlZiI6Ijg3In0sIklzVmlzaWJsZSI6ZmFsc2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MTQiLCJGb3JtYXQiOjAsIklzVmlzaWJsZSI6ZmFsc2UsIkxhc3RLbm93blZpc2liaWxpdHlTdGF0ZSI6ZmFsc2V9LCJJc1Zpc2libGUiOnRydWUsIlBhcmVudFN0eWxlIjpudWxsfSwiSW5kZXgiOjAsIlBlcmNlbnRhZ2VDb21wbGV0ZSI6bnVsbCwiUG9zaXRpb24iOnsiUmF0aW8iOjAuMCwiSXNDdXN0b20iOmZhbHNlfSwiRGF0ZUZvcm1hdCI6eyIkcmVmIjoiMjEzIn0sIldlZWtOdW1iZXJpbmciOnsiJGlkIjoiMjE1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4MC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FyaWFsIiwiSXNCb2xkIjpmYWxzZSwiSXNJdGFsaWMiOmZhbHNlLCJJc1VuZGVybGluZWQiOmZhbHNlLCJQYXJlbnRTdHlsZSI6bnVsbH0sIkF1dG9TaXplIjowLCJGb3JlZ3JvdW5kIjp7IiRpZCI6IjIzOSIsIkNvbG9yIjp7IiRyZWYiOiI4NCJ9fSwiTWF4V2lkdGgiOjIwMC4wLCJNYXhIZWlnaHQiOiJJbmZpbml0eSIsIlNtYXJ0Rm9yZWdyb3VuZElzQWN0aXZlIjpmYWxzZSwiSG9yaXpvbnRhbEFsaWdubWVudCI6MS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cmVmIjoiODcifSwiSXNWaXNpYmxlIjpmYWxzZSwiV2lkdGgiOjAuMCwiSGVpZ2h0IjowLjAsIkJvcmRlclN0eWxlIjp7IiRpZCI6IjI0MiIsIkxpbmVDb2xvciI6bnVsbCwiTGluZVdlaWdodCI6MC4wLCJMaW5lVHlwZSI6MCwiUGFyZW50U3R5bGUiOm51bGx9LCJQYXJlbnRTdHlsZSI6bnVsbH0sIkRhdGVGb3JtYXQiOnsiJGlkIjoiMj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HJlZiI6IjgwIn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ksIkZvbnROYW1lIjoiQXJpYWwiLCJJc0JvbGQiOmZhbHNlLCJJc0l0YWxpYyI6ZmFsc2UsIklzVW5kZXJsaW5lZCI6ZmFsc2UsIlBhcmVudFN0eWxlIjpudWxsfSwiQXV0b1NpemUiOjAsIkZvcmVncm91bmQiOnsiJGlkIjoiMjY5IiwiQ29sb3IiOnsiJHJlZiI6Ijg0In19LCJNYXhXaWR0aCI6MjAwLjAsIk1heEhlaWdodCI6IkluZmluaXR5IiwiU21hcnRGb3JlZ3JvdW5kSXNBY3RpdmUiOmZhbHNlLCJIb3Jpem9udGFsQWxpZ25tZW50Ijox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yZWYiOiI4NyJ9LCJJc1Zpc2libGUiOmZhbHNlLCJXaWR0aCI6MC4wLCJIZWlnaHQiOjAuMCwiQm9yZGVyU3R5bGUiOnsiJGlkIjoiMjcyIiwiTGluZUNvbG9yIjpudWxsLCJMaW5lV2VpZ2h0IjowLjAsIkxpbmVUeXBlIjowLCJQYXJlbnRTdHlsZSI6bnVsbH0sIlBhcmVudFN0eWxlIjpudWxsfSwiRGF0ZUZvcm1hdCI6eyIkaWQiOiIy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cmVmIjoiODAi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zMDQiLCJGb3JtYXQiOjAsIklzVmlzaWJsZSI6ZmFsc2UsIkxhc3RLbm93blZpc2liaWxpdHlTdGF0ZSI6ZmFsc2V9LCJJc1Zpc2libGUiOnRydWUsIlBhcmVudFN0eWxlIjpudWxsfSwiSW5kZXgiOjMsIlBlcmNlbnRhZ2VDb21wbGV0ZSI6bnVsbCwiUG9zaXRpb24iOnsiUmF0aW8iOjAuMCwiSXNDdXN0b20iOmZhbHNlfSwiRGF0ZUZvcm1hdCI6eyIkcmVmIjoiMzAzIn0sIldlZWtOdW1iZXJpbmciOnsiJGlkIjoiMzA1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4MCJ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5LCJGb250TmFtZSI6IkFyaWFsIiwiSXNCb2xkIjpmYWxzZSwiSXNJdGFsaWMiOmZhbHNlLCJJc1VuZGVybGluZWQiOmZhbHNlLCJQYXJlbnRTdHlsZSI6bnVsbH0sIkF1dG9TaXplIjowLCJGb3JlZ3JvdW5kIjp7IiRpZCI6IjMyOSIsIkNvbG9yIjp7IiRyZWYiOiI4NCJ9fSwiTWF4V2lkdGgiOjIwMC4wLCJNYXhIZWlnaHQiOiJJbmZpbml0eSIsIlNtYXJ0Rm9yZWdyb3VuZElzQWN0aXZlIjpmYWxzZSwiSG9yaXpvbnRhbEFsaWdubWVudCI6MS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cmVmIjoiODcifSwiSXNWaXNpYmxlIjpmYWxzZSwiV2lkdGgiOjAuMCwiSGVpZ2h0IjowLjAsIkJvcmRlclN0eWxlIjp7IiRpZCI6IjMzMiIsIkxpbmVDb2xvciI6bnVsbCwiTGluZVdlaWdodCI6MC4wLCJMaW5lVHlwZSI6MCwiUGFyZW50U3R5bGUiOm51bGx9LCJQYXJlbnRTdHlsZSI6bnVsbH0sIkRhdGVGb3JtYXQiOnsiJGlkIjoiMz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OC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OCwiRm9udE5hbWUiOiJBcmlhbCIsIklzQm9sZCI6ZmFsc2UsIklzSXRhbGljIjpmYWxzZSwiSXNVbmRlcmxpbmVkIjpmYWxzZSwiUGFyZW50U3R5bGUiOm51bGx9LCJBdXRvU2l6ZSI6MCwiRm9yZWdyb3VuZCI6eyIkaWQiOiIzNDYiLCJDb2xvciI6eyIkaWQiOiIz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yZWYiOiIxMDU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MTA3In0sIkxpbmVXZWlnaHQiOjEuMCwiTGluZVR5cGUiOjAsIlBhcmVudFN0eWxlIjpudWxsfSwiVmVydGljYWxDb25uZWN0b3JTdHlsZSI6eyIkaWQiOiIz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cmVmIjoiMTI2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ksIkZvbnROYW1lIjoiQXJpYWwiLCJJc0JvbGQiOmZhbHNlLCJJc0l0YWxpYyI6ZmFsc2UsIklzVW5kZXJsaW5lZCI6ZmFsc2UsIlBhcmVudFN0eWxlIjpudWxsfSwiQXV0b1NpemUiOjAsIkZvcmVncm91bmQiOnsiJGlkIjoiMzY4IiwiQ29sb3IiOnsiJGlkIjoiMzY5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HJlZiI6IjEzMyJ9LCJJc1Zpc2libGUiOmZhbHNlLCJXaWR0aCI6MC4wLCJIZWlnaHQiOjAuMCwiQm9yZGVyU3R5bGUiOnsiJGlkIjoiMzcyIiwiTGluZUNvbG9yIjpudWxsLCJMaW5lV2VpZ2h0IjowLjAsIkxpbmVUeXBlIjowLCJQYXJlbnRTdHlsZSI6bnVsbH0sIlBhcmVudFN0eWxlIjpudWxsfSwiRGF0ZUZvcm1hdCI6eyIkaWQiOiIz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cmVmIjoiOTgi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gsIkZvbnROYW1lIjoiQXJpYWwiLCJJc0JvbGQiOmZhbHNlLCJJc0l0YWxpYyI6ZmFsc2UsIklzVW5kZXJsaW5lZCI6ZmFsc2UsIlBhcmVudFN0eWxlIjpudWxsfSwiQXV0b1NpemUiOjAsIkZvcmVncm91bmQiOnsiJGlkIjoiMzg2IiwiQ29sb3IiOnsiJGlkIjoiMzg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cmVmIjoiMTA1In0sIklzVmlzaWJsZSI6dHJ1ZSwiV2lkdGgiOjAuMCwiSGVpZ2h0IjowLjAsIkJvcmRlclN0eWxlIjp7IiRpZCI6IjM5MCIsIkxpbmVDb2xvciI6bnVsbCwiTGluZVdlaWdodCI6MC4wLCJMaW5lVHlwZSI6MCwiUGFyZW50U3R5bGUiOm51bGx9LCJQYXJlbnRTdHlsZSI6bnVsbH0sIkhvcml6b250YWxDb25uZWN0b3JTdHlsZSI6eyIkaWQiOiIzOTEiLCJMaW5lQ29sb3IiOnsiJHJlZiI6IjEwNyJ9LCJMaW5lV2VpZ2h0IjoxLjAsIkxpbmVUeXBlIjowLCJQYXJlbnRTdHlsZSI6bnVsbH0sIlZlcnRpY2FsQ29ubmVjdG9yU3R5bGUiOnsiJGlkIjoiMzk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HJlZiI6IjEyNi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5LCJGb250TmFtZSI6IkFyaWFsIiwiSXNCb2xkIjpmYWxzZSwiSXNJdGFsaWMiOmZhbHNlLCJJc1VuZGVybGluZWQiOmZhbHNlLCJQYXJlbnRTdHlsZSI6bnVsbH0sIkF1dG9TaXplIjowLCJGb3JlZ3JvdW5kIjp7IiRpZCI6IjQwOCIsIkNvbG9yIjp7IiRpZCI6IjQwO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yZWYiOiIxMzMifSwiSXNWaXNpYmxlIjpmYWxz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HJlZiI6IjEwNSJ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yZWYiOiIxMDcifSwiTGluZVdlaWdodCI6MS4wLCJMaW5lVHlwZSI6MCwiUGFyZW50U3R5bGUiOm51bGx9LCJWZXJ0aWNhbENvbm5lY3RvclN0eWxlIjp7IiRpZCI6IjQz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yZWYiOiIxMjY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OSwiRm9udE5hbWUiOiJBcmlhbCIsIklzQm9sZCI6ZmFsc2UsIklzSXRhbGljIjpmYWxzZSwiSXNVbmRlcmxpbmVkIjpmYWxzZSwiUGFyZW50U3R5bGUiOm51bGx9LCJBdXRvU2l6ZSI6MCwiRm9yZWdyb3VuZCI6eyIkaWQiOiI0NDgiLCJDb2xvciI6eyIkaWQiOiI0NDk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cmVmIjoiMTMzIn0sIklzVmlzaWJsZSI6ZmFsc2UsIldpZHRoIjowLjAsIkhlaWdodCI6MC4wLCJCb3JkZXJTdHlsZSI6eyIkaWQiOiI0NTIiLCJMaW5lQ29sb3IiOm51bGwsIkxpbmVXZWlnaHQiOjAuMCwiTGluZVR5cGUiOjAsIlBhcmVudFN0eWxlIjpudWxsfSwiUGFyZW50U3R5bGUiOm51bGx9LCJEYXRlRm9ybWF0Ijp7IiRpZCI6IjQ1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2MSIsIlRvcCI6MC4wLCJMZWZ0IjowLjAsIlJpZ2h0IjowLjAsIkJvdHRvbSI6MC4wfSwiUGFkZGluZyI6eyIkaWQiOiI0NjIiLCJUb3AiOjAuMCwiTGVmdCI6MC4wLCJSaWdodCI6MC4wLCJCb3R0b20iOjAuMH0sIkJhY2tncm91bmQiOnsiJHJlZiI6Ijk4In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4LCJGb250TmFtZSI6IkFyaWFsIiwiSXNCb2xkIjpmYWxzZSwiSXNJdGFsaWMiOmZhbHNlLCJJc1VuZGVybGluZWQiOmZhbHNlLCJQYXJlbnRTdHlsZSI6bnVsbH0sIkF1dG9TaXplIjowLCJGb3JlZ3JvdW5kIjp7IiRpZCI6IjQ2NiIsIkNvbG9yIjp7IiRpZCI6IjQ2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HJlZiI6IjEwNSJ9LCJJc1Zpc2libGUiOnRydWUsIldpZHRoIjowLjAsIkhlaWdodCI6MC4wLCJCb3JkZXJTdHlsZSI6eyIkaWQiOiI0NzAiLCJMaW5lQ29sb3IiOm51bGwsIkxpbmVXZWlnaHQiOjAuMCwiTGluZVR5cGUiOjAsIlBhcmVudFN0eWxlIjpudWxsfSwiUGFyZW50U3R5bGUiOm51bGx9LCJIb3Jpem9udGFsQ29ubmVjdG9yU3R5bGUiOnsiJGlkIjoiNDcxIiwiTGluZUNvbG9yIjp7IiRyZWYiOiIxMDcifSwiTGluZVdlaWdodCI6MS4wLCJMaW5lVHlwZSI6MCwiUGFyZW50U3R5bGUiOm51bGx9LCJWZXJ0aWNhbENvbm5lY3RvclN0eWxlIjp7IiRpZCI6IjQ3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cmVmIjoiMTMzIn0sIklzVmlzaWJsZSI6ZmFsc2UsIldpZHRoIjowLjAsIkhlaWdodCI6MC4wLCJCb3JkZXJTdHlsZSI6eyIkaWQiOiI0OTIiLCJMaW5lQ29sb3IiOm51bGwsIkxpbmVXZWlnaHQiOjAuMCwiTGluZVR5cGUiOjAsIlBhcmVudFN0eWxlIjpudWxsfS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cmVmIjoiOTgi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gsIkZvbnROYW1lIjoiQXJpYWwiLCJJc0JvbGQiOmZhbHNlLCJJc0l0YWxpYyI6ZmFsc2UsIklzVW5kZXJsaW5lZCI6ZmFsc2UsIlBhcmVudFN0eWxlIjpudWxsfSwiQXV0b1NpemUiOjAsIkZvcmVncm91bmQiOnsiJGlkIjoiNTA2IiwiQ29sb3IiOnsiJGlkIjoiNTA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cmVmIjoiMTA1In0sIklzVmlzaWJsZSI6dHJ1ZSwiV2lkdGgiOjAuMCwiSGVpZ2h0IjowLjAsIkJvcmRlclN0eWxlIjp7IiRpZCI6IjUxMCIsIkxpbmVDb2xvciI6bnVsbCwiTGluZVdlaWdodCI6MC4wLCJMaW5lVHlwZSI6MCwiUGFyZW50U3R5bGUiOm51bGx9LCJQYXJlbnRTdHlsZSI6bnVsbH0sIkhvcml6b250YWxDb25uZWN0b3JTdHlsZSI6eyIkaWQiOiI1MTEiLCJMaW5lQ29sb3IiOnsiJHJlZiI6IjEwNyJ9LCJMaW5lV2VpZ2h0IjoxLjAsIkxpbmVUeXBlIjowLCJQYXJlbnRTdHlsZSI6bnVsbH0sIlZlcnRpY2FsQ29ubmVjdG9yU3R5bGUiOnsiJGlkIjoiNTE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HJlZiI6IjEyN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5LCJGb250TmFtZSI6IkFyaWFsIiwiSXNCb2xkIjpmYWxzZSwiSXNJdGFsaWMiOmZhbHNlLCJJc1VuZGVybGluZWQiOmZhbHNlLCJQYXJlbnRTdHlsZSI6bnVsbH0sIkF1dG9TaXplIjowLCJGb3JlZ3JvdW5kIjp7IiRpZCI6IjUyOCIsIkNvbG9yIjp7IiRpZCI6IjUyOS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HJlZiI6IjEzMyJ9LCJJc1Zpc2libGUiOmZhbHNlLCJXaWR0aCI6MC4wLCJIZWlnaHQiOjAuMCwiQm9yZGVyU3R5bGUiOnsiJGlkIjoiNTMyIiwiTGluZUNvbG9yIjpudWxsLCJMaW5lV2VpZ2h0IjowLjAsIkxpbmVUeXBlIjowLCJQYXJlbnRTdHlsZSI6bnVsbH0sIlBhcmVudFN0eWxlIjpudWxsfSwiRGF0ZUZvcm1hdCI6eyIkaWQiOiI1M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yZWYiOiI5O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CwiRm9udE5hbWUiOiJBcmlhbCIsIklzQm9sZCI6ZmFsc2UsIklzSXRhbGljIjpmYWxzZSwiSXNVbmRlcmxpbmVkIjpmYWxzZSwiUGFyZW50U3R5bGUiOm51bGx9LCJBdXRvU2l6ZSI6MCwiRm9yZWdyb3VuZCI6eyIkaWQiOiI1NDYiLCJDb2xvciI6eyIkaWQiOiI1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xMDUifSwiSXNWaXNpYmxlIjp0cnVlLCJXaWR0aCI6MC4wLCJIZWlnaHQiOjAuMCwiQm9yZGVyU3R5bGUiOnsiJGlkIjoiNTUwIiwiTGluZUNvbG9yIjpudWxsLCJMaW5lV2VpZ2h0IjowLjAsIkxpbmVUeXBlIjowLCJQYXJlbnRTdHlsZSI6bnVsbH0sIlBhcmVudFN0eWxlIjpudWxsfSwiSG9yaXpvbnRhbENvbm5lY3RvclN0eWxlIjp7IiRpZCI6IjU1MSIsIkxpbmVDb2xvciI6eyIkcmVmIjoiMTA3In0sIkxpbmVXZWlnaHQiOjEuMCwiTGluZVR5cGUiOjAsIlBhcmVudFN0eWxlIjpudWxsfSwiVmVydGljYWxDb25uZWN0b3JTdHlsZSI6eyIkaWQiOiI1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cmVmIjoiMTI2In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ksIkZvbnROYW1lIjoiQXJpYWwiLCJJc0JvbGQiOmZhbHNlLCJJc0l0YWxpYyI6ZmFsc2UsIklzVW5kZXJsaW5lZCI6ZmFsc2UsIlBhcmVudFN0eWxlIjpudWxsfSwiQXV0b1NpemUiOjAsIkZvcmVncm91bmQiOnsiJGlkIjoiNTY4IiwiQ29sb3IiOnsiJGlkIjoiNTY5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MTMzIn0sIklzVmlzaWJsZSI6ZmFsc2UsIldpZHRoIjowLjAsIkhlaWdodCI6MC4wLCJCb3JkZXJTdHlsZSI6eyIkaWQiOiI1NzIiLCJMaW5lQ29sb3IiOm51bGwsIkxpbmVXZWlnaHQiOjAuMCwiTGluZVR5cGUiOjAsIlBhcmVudFN0eWxlIjpudWxsfSwiUGFyZW50U3R5bGUiOm51bGx9LCJEYXRlRm9ybWF0Ijp7IiRpZCI6IjU3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HJlZiI6Ijk4In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4LCJGb250TmFtZSI6IkFyaWFsIiwiSXNCb2xkIjpmYWxzZSwiSXNJdGFsaWMiOmZhbHNlLCJJc1VuZGVybGluZWQiOmZhbHNlLCJQYXJlbnRTdHlsZSI6bnVsbH0sIkF1dG9TaXplIjowLCJGb3JlZ3JvdW5kIjp7IiRpZCI6IjU4NiIsIkNvbG9yIjp7IiRpZCI6IjU4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HJlZiI6IjEzMyJ9LCJJc1Zpc2libGUiOmZhbHN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HJlZiI6IjEwNS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xMDcifSwiTGluZVdlaWdodCI6MS4wLCJMaW5lVHlwZSI6MCwiUGFyZW50U3R5bGUiOm51bGx9LCJWZXJ0aWNhbENvbm5lY3RvclN0eWxlIjp7IiRpZCI6IjYzMyIsIkxpbmVDb2xvciI6eyIkaWQiOiI2MzQiLCIkdHlwZSI6Ik5MUkUuQ29tbW9uLkRvbS5Tb2xpZENvbG9yQnJ1c2gsIE5MUkUuQ29tbW9uIiwiQ29sb3IiOnsiJGlkIjoiNjM1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EzMyJ9LCJJc1Zpc2libGUiOmZhbHNlLCJXaWR0aCI6MC4wLCJIZWlnaHQiOjAuMCwiQm9yZGVyU3R5bGUiOnsiJGlkIjoiNjU0IiwiTGluZUNvbG9yIjpudWxsLCJMaW5lV2VpZ2h0IjowLjAsIkxpbmVUeXBlIjowLCJQYXJlbnRTdHlsZSI6bnVsbH0sIlBhcmVudFN0eWxlIjpudWxsfSwiRGF0ZUZvcm1hdCI6eyIkaWQiOiI2NT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cmVmIjoiOTg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gsIkZvbnROYW1lIjoiQXJpYWwiLCJJc0JvbGQiOmZhbHNlLCJJc0l0YWxpYyI6ZmFsc2UsIklzVW5kZXJsaW5lZCI6ZmFsc2UsIlBhcmVudFN0eWxlIjpudWxsfSwiQXV0b1NpemUiOjAsIkZvcmVncm91bmQiOnsiJGlkIjoiNjY4IiwiQ29sb3IiOnsiJGlkIjoiNjY5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cmVmIjoiMTA1In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HJlZiI6IjEwNyJ9LCJMaW5lV2VpZ2h0IjoxLjAsIkxpbmVUeXBlIjowLCJQYXJlbnRTdHlsZSI6bnVsbH0sIlZlcnRpY2FsQ29ubmVjdG9yU3R5bGUiOnsiJGlkIjoiNjc0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yZWYiOiIxMzMifSwiSXNWaXNpYmxlIjpmYWxzZSwiV2lkdGgiOjAuMCwiSGVpZ2h0IjowLjAsIkJvcmRlclN0eWxlIjp7IiRpZCI6IjY5NCIsIkxpbmVDb2xvciI6bnVsbCwiTGluZVdlaWdodCI6MC4wLCJMaW5lVHlwZSI6MCwiUGFyZW50U3R5bGUiOm51bGx9LCJQYXJlbnRTdHlsZSI6bnVsbH0sIkRhdGVGb3JtYXQiOnsiJGlkIjoiNjk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HJlZiI6Ijk4In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4LCJGb250TmFtZSI6IkFyaWFsIiwiSXNCb2xkIjpmYWxzZSwiSXNJdGFsaWMiOmZhbHNlLCJJc1VuZGVybGluZWQiOmZhbHNlLCJQYXJlbnRTdHlsZSI6bnVsbH0sIkF1dG9TaXplIjowLCJGb3JlZ3JvdW5kIjp7IiRpZCI6IjcwOCIsIkNvbG9yIjp7IiRpZCI6IjcwOS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HJlZiI6IjEwNSJ9LCJJc1Zpc2libGUiOnRydWUsIldpZHRoIjowLjAsIkhlaWdodCI6MC4wLCJCb3JkZXJTdHlsZSI6eyIkaWQiOiI3MTIiLCJMaW5lQ29sb3IiOm51bGwsIkxpbmVXZWlnaHQiOjAuMCwiTGluZVR5cGUiOjAsIlBhcmVudFN0eWxlIjpudWxsfSwiUGFyZW50U3R5bGUiOm51bGx9LCJIb3Jpem9udGFsQ29ubmVjdG9yU3R5bGUiOnsiJGlkIjoiNzEzIiwiTGluZUNvbG9yIjp7IiRyZWYiOiIxMDcifSwiTGluZVdlaWdodCI6MS4wLCJMaW5lVHlwZSI6MCwiUGFyZW50U3R5bGUiOm51bGx9LCJWZXJ0aWNhbENvbm5lY3RvclN0eWxlIjp7IiRpZCI6IjcxNC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yZWYiOiIxMjYi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OSwiRm9udE5hbWUiOiJBcmlhbCIsIklzQm9sZCI6ZmFsc2UsIklzSXRhbGljIjpmYWxzZSwiSXNVbmRlcmxpbmVkIjpmYWxzZSwiUGFyZW50U3R5bGUiOm51bGx9LCJBdXRvU2l6ZSI6MCwiRm9yZWdyb3VuZCI6eyIkaWQiOiI3MzAiLCJDb2xvciI6eyIkaWQiOiI3MzE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MzIn0sIklzVmlzaWJsZSI6ZmFsc2UsIldpZHRoIjowLjAsIkhlaWdodCI6MC4wLCJCb3JkZXJTdHlsZSI6eyIkaWQiOiI3MzQiLCJMaW5lQ29sb3IiOm51bGwsIkxpbmVXZWlnaHQiOjAuMCwiTGluZVR5cGUiOjAsIlBhcmVudFN0eWxlIjpudWxsfSwiUGFyZW50U3R5bGUiOm51bGx9LCJEYXRlRm9ybWF0Ijp7IiRpZCI6Ijcz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QzIiwiVXNlVGltZSI6ZmFsc2UsIldvcmtEYXlTdGFydCI6IjAwOjAwOjAwIiwiV29ya0RheUVuZCI6IjIzOjU5OjAwIn0sIkxhc3RVc2VkVGVtcGxhdGVJZCI6IjM2ZTY2NjE0LTNkMDYtNGE4Mi05ZTk3LWJjYTdjODViYzAwZ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27T00:00:00.0000000Z"/>
  <p:tag name="OTLENDDATE" val="2021-01-31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3T00:00:00.0000000Z"/>
  <p:tag name="OTLENDDATE" val="2021-02-10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17T00:00:00.0000000Z"/>
  <p:tag name="OTLENDDATE" val="2021-02-21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10T00:00:00.0000000Z"/>
  <p:tag name="OTLENDDATE" val="2021-03-12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DATE" val="2021-03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DATE" val="2021-01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DATE" val="2021-03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03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ModernTimeband"/>
  <p:tag name="OTLTIMEBANDSHAPEHEIGHT" val="3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3</Words>
  <Application>Microsoft Office PowerPoint</Application>
  <PresentationFormat>Breitbild</PresentationFormat>
  <Paragraphs>2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2-05T15:14:49Z</dcterms:created>
  <dcterms:modified xsi:type="dcterms:W3CDTF">2021-09-14T07:49:10Z</dcterms:modified>
</cp:coreProperties>
</file>